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9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  <p:sldId id="279" r:id="rId21"/>
    <p:sldId id="280" r:id="rId22"/>
    <p:sldId id="281" r:id="rId23"/>
    <p:sldId id="282" r:id="rId24"/>
    <p:sldId id="283" r:id="rId25"/>
    <p:sldId id="284" r:id="rId26"/>
    <p:sldId id="285" r:id="rId27"/>
    <p:sldId id="286" r:id="rId2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346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5-0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3462" y="175314"/>
            <a:ext cx="3383573" cy="355122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15233" y="175314"/>
            <a:ext cx="6843353" cy="3307367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077238" y="1640909"/>
            <a:ext cx="2968668" cy="144049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5701430" y="1640909"/>
            <a:ext cx="2968668" cy="1440494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  <a:ln>
            <a:solidFill>
              <a:schemeClr val="accent4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1377862" y="1199274"/>
            <a:ext cx="258036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ERP	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6651320" y="1199274"/>
            <a:ext cx="169101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1189973" y="1778696"/>
            <a:ext cx="7891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5837128" y="1778696"/>
            <a:ext cx="10897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1784263" y="1765126"/>
            <a:ext cx="1352811" cy="413359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1784262" y="2560528"/>
            <a:ext cx="1352811" cy="413359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6356263" y="1765126"/>
            <a:ext cx="1352811" cy="413359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6356263" y="2560528"/>
            <a:ext cx="1352811" cy="413359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1784262" y="1778696"/>
            <a:ext cx="98399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1784262" y="2560528"/>
            <a:ext cx="8837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5" name="TextBox 14"/>
          <p:cNvSpPr txBox="1"/>
          <p:nvPr/>
        </p:nvSpPr>
        <p:spPr>
          <a:xfrm>
            <a:off x="6356263" y="1778696"/>
            <a:ext cx="82950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6" name="TextBox 15"/>
          <p:cNvSpPr txBox="1"/>
          <p:nvPr/>
        </p:nvSpPr>
        <p:spPr>
          <a:xfrm>
            <a:off x="6356263" y="2560528"/>
            <a:ext cx="67640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7" name="TextBox 16"/>
          <p:cNvSpPr txBox="1"/>
          <p:nvPr/>
        </p:nvSpPr>
        <p:spPr>
          <a:xfrm>
            <a:off x="1784262" y="2178485"/>
            <a:ext cx="1352811" cy="3820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…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6382010" y="2178485"/>
            <a:ext cx="908138" cy="3820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…</a:t>
            </a:r>
            <a:endParaRPr lang="en-US" dirty="0"/>
          </a:p>
        </p:txBody>
      </p:sp>
      <p:cxnSp>
        <p:nvCxnSpPr>
          <p:cNvPr id="23" name="Elbow Connector 22"/>
          <p:cNvCxnSpPr/>
          <p:nvPr/>
        </p:nvCxnSpPr>
        <p:spPr>
          <a:xfrm flipV="1">
            <a:off x="3160386" y="1958049"/>
            <a:ext cx="3193092" cy="13756"/>
          </a:xfrm>
          <a:prstGeom prst="bentConnector3">
            <a:avLst/>
          </a:prstGeom>
          <a:ln w="38100">
            <a:solidFill>
              <a:srgbClr val="FF0000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442</TotalTime>
  <Words>806</Words>
  <Application>Microsoft Office PowerPoint</Application>
  <PresentationFormat>Widescreen</PresentationFormat>
  <Paragraphs>157</Paragraphs>
  <Slides>27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7</vt:i4>
      </vt:variant>
    </vt:vector>
  </HeadingPairs>
  <TitlesOfParts>
    <vt:vector size="33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299</cp:revision>
  <dcterms:created xsi:type="dcterms:W3CDTF">2015-05-25T05:53:36Z</dcterms:created>
  <dcterms:modified xsi:type="dcterms:W3CDTF">2016-05-05T13:56:14Z</dcterms:modified>
</cp:coreProperties>
</file>